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5_浜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4" uniqueCount="751">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能美クリニック</t>
    <phoneticPr fontId="3"/>
  </si>
  <si>
    <t>〒697-0036 島根県浜田市天満町11</t>
    <phoneticPr fontId="3"/>
  </si>
  <si>
    <t>〇</t>
  </si>
  <si>
    <t>個人</t>
  </si>
  <si>
    <t>整形外科</t>
  </si>
  <si>
    <t>*</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6&amp;chosano=2&amp;kikancd=232571297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6</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6</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6</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6</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9</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9</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9</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9</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9</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9</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6</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9</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t="s">
        <v>750</v>
      </c>
      <c r="K146" s="106" t="str">
        <f t="shared" ref="K146:K151" si="1">IF(OR(COUNTIF(J146,"未確認")&gt;0,COUNTIF(J146,"*")&gt;0),"※","")</f>
        <v>※</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t="s">
        <v>750</v>
      </c>
      <c r="K148" s="106" t="str">
        <f t="shared" si="1"/>
        <v>※</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v>0</v>
      </c>
      <c r="M171" s="212">
        <v>0</v>
      </c>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3</v>
      </c>
      <c r="K172" s="118" t="str">
        <f t="shared" si="2"/>
        <v/>
      </c>
      <c r="L172" s="213">
        <v>0.3</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1</v>
      </c>
      <c r="K173" s="118" t="str">
        <f t="shared" si="2"/>
        <v/>
      </c>
      <c r="L173" s="212">
        <v>1</v>
      </c>
      <c r="M173" s="212">
        <v>0</v>
      </c>
      <c r="N173" s="212">
        <v>0</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1.4</v>
      </c>
      <c r="K174" s="118" t="str">
        <f t="shared" si="2"/>
        <v/>
      </c>
      <c r="L174" s="213">
        <v>0.7</v>
      </c>
      <c r="M174" s="213">
        <v>0</v>
      </c>
      <c r="N174" s="213">
        <v>0.7</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2</v>
      </c>
      <c r="K175" s="118" t="str">
        <f t="shared" si="2"/>
        <v/>
      </c>
      <c r="L175" s="212">
        <v>1</v>
      </c>
      <c r="M175" s="212">
        <v>0</v>
      </c>
      <c r="N175" s="212">
        <v>1</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3.59</v>
      </c>
      <c r="K176" s="118" t="str">
        <f t="shared" si="2"/>
        <v/>
      </c>
      <c r="L176" s="213">
        <v>2.7</v>
      </c>
      <c r="M176" s="213">
        <v>0</v>
      </c>
      <c r="N176" s="213">
        <v>0.89</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746</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746</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7</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1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2</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143</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21</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17</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5</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2</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21</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6</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2</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1</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1</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1</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21</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13</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3</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4</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1</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49</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49</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t="s">
        <v>750</v>
      </c>
      <c r="K476" s="118" t="str">
        <f t="shared" si="9"/>
        <v>※</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5:08Z</dcterms:modified>
</cp:coreProperties>
</file>